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5" uniqueCount="339">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島田診療所</t>
    <phoneticPr fontId="3"/>
  </si>
  <si>
    <t>〒697-0027 浜田市殿町８３番地３１</t>
    <phoneticPr fontId="3"/>
  </si>
  <si>
    <t>〇</t>
  </si>
  <si>
    <t>医療法人</t>
  </si>
  <si>
    <t>内科</t>
  </si>
  <si>
    <t>無</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2</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2</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2</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5</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1</v>
      </c>
      <c r="K157" s="99" t="str">
        <f t="shared" ref="K157:K172" si="1">IF(OR(COUNTIF(L157:O157,"未確認")&gt;0,COUNTIF(L157:O157,"*")&gt;0),"※","")</f>
        <v/>
      </c>
      <c r="L157" s="167"/>
      <c r="M157" s="167">
        <v>0</v>
      </c>
      <c r="N157" s="167">
        <v>0</v>
      </c>
      <c r="O157" s="167">
        <v>1</v>
      </c>
      <c r="P157" s="20"/>
      <c r="Q157" s="20"/>
      <c r="R157" s="20"/>
    </row>
    <row r="158" spans="1:18" s="72" customFormat="1" ht="34.5" customHeight="1" x14ac:dyDescent="0.15">
      <c r="A158" s="153" t="s">
        <v>234</v>
      </c>
      <c r="B158" s="98"/>
      <c r="C158" s="226"/>
      <c r="D158" s="226"/>
      <c r="E158" s="226"/>
      <c r="F158" s="226"/>
      <c r="G158" s="226" t="s">
        <v>59</v>
      </c>
      <c r="H158" s="227"/>
      <c r="I158" s="288"/>
      <c r="J158" s="166">
        <v>0.8</v>
      </c>
      <c r="K158" s="99" t="str">
        <f t="shared" si="1"/>
        <v/>
      </c>
      <c r="L158" s="168"/>
      <c r="M158" s="168">
        <v>0</v>
      </c>
      <c r="N158" s="168">
        <v>0</v>
      </c>
      <c r="O158" s="168">
        <v>0.8</v>
      </c>
      <c r="P158" s="20"/>
      <c r="Q158" s="20"/>
      <c r="R158" s="20"/>
    </row>
    <row r="159" spans="1:18" s="72" customFormat="1" ht="34.5" customHeight="1" x14ac:dyDescent="0.15">
      <c r="A159" s="153" t="s">
        <v>235</v>
      </c>
      <c r="B159" s="98"/>
      <c r="C159" s="226" t="s">
        <v>62</v>
      </c>
      <c r="D159" s="227"/>
      <c r="E159" s="227"/>
      <c r="F159" s="227"/>
      <c r="G159" s="226" t="s">
        <v>57</v>
      </c>
      <c r="H159" s="227"/>
      <c r="I159" s="288"/>
      <c r="J159" s="165">
        <v>12</v>
      </c>
      <c r="K159" s="99" t="str">
        <f t="shared" si="1"/>
        <v/>
      </c>
      <c r="L159" s="167"/>
      <c r="M159" s="167">
        <v>0</v>
      </c>
      <c r="N159" s="167">
        <v>1</v>
      </c>
      <c r="O159" s="167">
        <v>8</v>
      </c>
      <c r="P159" s="20"/>
      <c r="Q159" s="20"/>
      <c r="R159" s="20"/>
    </row>
    <row r="160" spans="1:18" s="72" customFormat="1" ht="34.5" customHeight="1" x14ac:dyDescent="0.15">
      <c r="A160" s="153" t="s">
        <v>235</v>
      </c>
      <c r="B160" s="98"/>
      <c r="C160" s="227"/>
      <c r="D160" s="227"/>
      <c r="E160" s="227"/>
      <c r="F160" s="227"/>
      <c r="G160" s="226" t="s">
        <v>59</v>
      </c>
      <c r="H160" s="227"/>
      <c r="I160" s="288"/>
      <c r="J160" s="166">
        <v>0.7</v>
      </c>
      <c r="K160" s="99" t="str">
        <f t="shared" si="1"/>
        <v/>
      </c>
      <c r="L160" s="168"/>
      <c r="M160" s="168">
        <v>0</v>
      </c>
      <c r="N160" s="168">
        <v>0</v>
      </c>
      <c r="O160" s="168">
        <v>0.7</v>
      </c>
      <c r="P160" s="20"/>
      <c r="Q160" s="20"/>
      <c r="R160" s="20"/>
    </row>
    <row r="161" spans="1:18" s="72" customFormat="1" ht="34.5" customHeight="1" x14ac:dyDescent="0.15">
      <c r="A161" s="153" t="s">
        <v>236</v>
      </c>
      <c r="B161" s="98"/>
      <c r="C161" s="226" t="s">
        <v>63</v>
      </c>
      <c r="D161" s="227"/>
      <c r="E161" s="227"/>
      <c r="F161" s="227"/>
      <c r="G161" s="226" t="s">
        <v>57</v>
      </c>
      <c r="H161" s="227"/>
      <c r="I161" s="288"/>
      <c r="J161" s="165">
        <v>7</v>
      </c>
      <c r="K161" s="99" t="str">
        <f t="shared" si="1"/>
        <v/>
      </c>
      <c r="L161" s="167"/>
      <c r="M161" s="167">
        <v>0</v>
      </c>
      <c r="N161" s="167">
        <v>0</v>
      </c>
      <c r="O161" s="167">
        <v>7</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1</v>
      </c>
      <c r="K167" s="99" t="str">
        <f t="shared" si="1"/>
        <v/>
      </c>
      <c r="L167" s="167"/>
      <c r="M167" s="167">
        <v>0</v>
      </c>
      <c r="N167" s="167">
        <v>0</v>
      </c>
      <c r="O167" s="167">
        <v>1</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2</v>
      </c>
      <c r="K172" s="99" t="str">
        <f t="shared" si="1"/>
        <v/>
      </c>
      <c r="L172" s="168"/>
      <c r="M172" s="168">
        <v>0</v>
      </c>
      <c r="N172" s="168">
        <v>0</v>
      </c>
      <c r="O172" s="168">
        <v>0.2</v>
      </c>
      <c r="P172" s="20"/>
      <c r="Q172" s="20"/>
      <c r="R172" s="20"/>
    </row>
    <row r="173" spans="1:18" s="72" customFormat="1" ht="34.5" customHeight="1" x14ac:dyDescent="0.15">
      <c r="A173" s="153" t="s">
        <v>242</v>
      </c>
      <c r="B173" s="78"/>
      <c r="C173" s="226" t="s">
        <v>69</v>
      </c>
      <c r="D173" s="247"/>
      <c r="E173" s="247"/>
      <c r="F173" s="247"/>
      <c r="G173" s="226" t="s">
        <v>57</v>
      </c>
      <c r="H173" s="247"/>
      <c r="I173" s="288"/>
      <c r="J173" s="165">
        <v>1</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1</v>
      </c>
      <c r="K179" s="99" t="str">
        <f>IF(OR(COUNTIF(L179:O179,"未確認")&gt;0,COUNTIF(L179:O179,"*")&gt;0),"※","")</f>
        <v/>
      </c>
      <c r="L179" s="167"/>
      <c r="M179" s="167">
        <v>0</v>
      </c>
      <c r="N179" s="167">
        <v>1</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1</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334</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334</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v>2020</v>
      </c>
      <c r="K247" s="120"/>
      <c r="L247" s="9"/>
    </row>
    <row r="248" spans="1:72" s="113" customFormat="1" ht="17.25" customHeight="1" x14ac:dyDescent="0.15">
      <c r="A248" s="144"/>
      <c r="B248" s="121"/>
      <c r="C248" s="270"/>
      <c r="D248" s="271"/>
      <c r="E248" s="271"/>
      <c r="F248" s="271"/>
      <c r="G248" s="271"/>
      <c r="H248" s="272"/>
      <c r="I248" s="262"/>
      <c r="J248" s="122">
        <v>4</v>
      </c>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v>2020</v>
      </c>
      <c r="K250" s="123"/>
      <c r="L250" s="9"/>
    </row>
    <row r="251" spans="1:72" s="113" customFormat="1" ht="17.25" customHeight="1" x14ac:dyDescent="0.15">
      <c r="A251" s="144"/>
      <c r="B251" s="121"/>
      <c r="C251" s="273"/>
      <c r="D251" s="274"/>
      <c r="E251" s="274"/>
      <c r="F251" s="274"/>
      <c r="G251" s="274"/>
      <c r="H251" s="275"/>
      <c r="I251" s="262"/>
      <c r="J251" s="125">
        <v>6</v>
      </c>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t="s">
        <v>338</v>
      </c>
      <c r="K318" s="99" t="str">
        <f>IF(OR(COUNTIF(J318,"未確認")&gt;0,COUNTIF(J318,"*")&gt;0),"※","")</f>
        <v>※</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0</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0</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1"/>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5:28Z</cp:lastPrinted>
  <dcterms:created xsi:type="dcterms:W3CDTF">2019-03-05T11:12:49Z</dcterms:created>
  <dcterms:modified xsi:type="dcterms:W3CDTF">2021-05-24T00:35:30Z</dcterms:modified>
</cp:coreProperties>
</file>